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sur le formulaire peut permettre à l'utilisateur qui saisit les données de savoir plus facilement à quoi le champ fait référence. Après le nom sur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saisi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apture des données tracker,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visites de CPN,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